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8DD4A1C4-33F0-4822-84D8-61447D48CCCB}" xr6:coauthVersionLast="47" xr6:coauthVersionMax="47" xr10:uidLastSave="{00000000-0000-0000-0000-000000000000}"/>
  <bookViews>
    <workbookView xWindow="-108" yWindow="-108" windowWidth="23256" windowHeight="12576" xr2:uid="{21E58D43-9005-4404-8236-5F289D55DCEB}"/>
  </bookViews>
  <sheets>
    <sheet name="３．（１）富山地域人口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0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/>
              <a:t>富山地域地区別人口推移（住民基本台帳、各年９月末）</a:t>
            </a:r>
          </a:p>
        </c:rich>
      </c:tx>
      <c:layout>
        <c:manualLayout>
          <c:xMode val="edge"/>
          <c:yMode val="edge"/>
          <c:x val="0.34933605720122574"/>
          <c:y val="1.6339869281045753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0010214504596528"/>
          <c:y val="0.1437908496732026"/>
          <c:w val="0.898876404494382"/>
          <c:h val="0.71241830065359479"/>
        </c:manualLayout>
      </c:layout>
      <c:barChart>
        <c:barDir val="col"/>
        <c:grouping val="clustered"/>
        <c:varyColors val="0"/>
        <c:ser>
          <c:idx val="5"/>
          <c:order val="0"/>
          <c:tx>
            <c:strRef>
              <c:f>'[1]地区別人口・世帯集計表 (集計用)'!$E$2</c:f>
              <c:strCache>
                <c:ptCount val="1"/>
                <c:pt idx="0">
                  <c:v>R04人口</c:v>
                </c:pt>
              </c:strCache>
            </c:strRef>
          </c:tx>
          <c:spPr>
            <a:solidFill>
              <a:srgbClr val="FF9900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3:$A$52</c:f>
              <c:strCache>
                <c:ptCount val="50"/>
                <c:pt idx="0">
                  <c:v>総曲輪</c:v>
                </c:pt>
                <c:pt idx="1">
                  <c:v>愛宕</c:v>
                </c:pt>
                <c:pt idx="2">
                  <c:v>安野屋</c:v>
                </c:pt>
                <c:pt idx="3">
                  <c:v>八人町</c:v>
                </c:pt>
                <c:pt idx="4">
                  <c:v>五番町</c:v>
                </c:pt>
                <c:pt idx="5">
                  <c:v>柳町</c:v>
                </c:pt>
                <c:pt idx="6">
                  <c:v>清水町</c:v>
                </c:pt>
                <c:pt idx="7">
                  <c:v>星井町</c:v>
                </c:pt>
                <c:pt idx="8">
                  <c:v>西田地方</c:v>
                </c:pt>
                <c:pt idx="9">
                  <c:v>堀川</c:v>
                </c:pt>
                <c:pt idx="10">
                  <c:v>堀川南</c:v>
                </c:pt>
                <c:pt idx="11">
                  <c:v>東部</c:v>
                </c:pt>
                <c:pt idx="12">
                  <c:v>奥田</c:v>
                </c:pt>
                <c:pt idx="13">
                  <c:v>奥田北</c:v>
                </c:pt>
                <c:pt idx="14">
                  <c:v>桜谷</c:v>
                </c:pt>
                <c:pt idx="15">
                  <c:v>五福</c:v>
                </c:pt>
                <c:pt idx="16">
                  <c:v>神明</c:v>
                </c:pt>
                <c:pt idx="17">
                  <c:v>岩瀬</c:v>
                </c:pt>
                <c:pt idx="18">
                  <c:v>萩浦</c:v>
                </c:pt>
                <c:pt idx="19">
                  <c:v>大広田</c:v>
                </c:pt>
                <c:pt idx="20">
                  <c:v>浜黒崎</c:v>
                </c:pt>
                <c:pt idx="21">
                  <c:v>針原</c:v>
                </c:pt>
                <c:pt idx="22">
                  <c:v>豊田</c:v>
                </c:pt>
                <c:pt idx="23">
                  <c:v>広田</c:v>
                </c:pt>
                <c:pt idx="24">
                  <c:v>新庄</c:v>
                </c:pt>
                <c:pt idx="25">
                  <c:v>藤ノ木</c:v>
                </c:pt>
                <c:pt idx="26">
                  <c:v>山室</c:v>
                </c:pt>
                <c:pt idx="27">
                  <c:v>山室中部</c:v>
                </c:pt>
                <c:pt idx="28">
                  <c:v>太田</c:v>
                </c:pt>
                <c:pt idx="29">
                  <c:v>蜷川</c:v>
                </c:pt>
                <c:pt idx="30">
                  <c:v>新保</c:v>
                </c:pt>
                <c:pt idx="31">
                  <c:v>熊野</c:v>
                </c:pt>
                <c:pt idx="32">
                  <c:v>月岡</c:v>
                </c:pt>
                <c:pt idx="33">
                  <c:v>四方</c:v>
                </c:pt>
                <c:pt idx="34">
                  <c:v>八幡</c:v>
                </c:pt>
                <c:pt idx="35">
                  <c:v>草島</c:v>
                </c:pt>
                <c:pt idx="36">
                  <c:v>倉垣</c:v>
                </c:pt>
                <c:pt idx="37">
                  <c:v>呉羽</c:v>
                </c:pt>
                <c:pt idx="38">
                  <c:v>長岡</c:v>
                </c:pt>
                <c:pt idx="39">
                  <c:v>寒江</c:v>
                </c:pt>
                <c:pt idx="40">
                  <c:v>古沢</c:v>
                </c:pt>
                <c:pt idx="41">
                  <c:v>老田</c:v>
                </c:pt>
                <c:pt idx="42">
                  <c:v>池多</c:v>
                </c:pt>
                <c:pt idx="43">
                  <c:v>水橋中部</c:v>
                </c:pt>
                <c:pt idx="44">
                  <c:v>水橋西部</c:v>
                </c:pt>
                <c:pt idx="45">
                  <c:v>水橋東部</c:v>
                </c:pt>
                <c:pt idx="46">
                  <c:v>三郷</c:v>
                </c:pt>
                <c:pt idx="47">
                  <c:v>上条</c:v>
                </c:pt>
                <c:pt idx="48">
                  <c:v>光陽</c:v>
                </c:pt>
                <c:pt idx="49">
                  <c:v>新庄北</c:v>
                </c:pt>
              </c:strCache>
            </c:strRef>
          </c:cat>
          <c:val>
            <c:numRef>
              <c:f>'[1]地区別人口・世帯集計表 (集計用)'!$E$3:$E$52</c:f>
              <c:numCache>
                <c:formatCode>#,##0_);[Red]\(#,##0\)</c:formatCode>
                <c:ptCount val="50"/>
                <c:pt idx="0">
                  <c:v>2369</c:v>
                </c:pt>
                <c:pt idx="1">
                  <c:v>4655</c:v>
                </c:pt>
                <c:pt idx="2">
                  <c:v>2759</c:v>
                </c:pt>
                <c:pt idx="3">
                  <c:v>1783</c:v>
                </c:pt>
                <c:pt idx="4">
                  <c:v>3400</c:v>
                </c:pt>
                <c:pt idx="5">
                  <c:v>5898</c:v>
                </c:pt>
                <c:pt idx="6">
                  <c:v>4092</c:v>
                </c:pt>
                <c:pt idx="7">
                  <c:v>2580</c:v>
                </c:pt>
                <c:pt idx="8">
                  <c:v>6455</c:v>
                </c:pt>
                <c:pt idx="9">
                  <c:v>11801</c:v>
                </c:pt>
                <c:pt idx="10">
                  <c:v>15102</c:v>
                </c:pt>
                <c:pt idx="11">
                  <c:v>8051</c:v>
                </c:pt>
                <c:pt idx="12">
                  <c:v>10510</c:v>
                </c:pt>
                <c:pt idx="13">
                  <c:v>8032</c:v>
                </c:pt>
                <c:pt idx="14">
                  <c:v>5718</c:v>
                </c:pt>
                <c:pt idx="15">
                  <c:v>10114</c:v>
                </c:pt>
                <c:pt idx="16">
                  <c:v>4072</c:v>
                </c:pt>
                <c:pt idx="17">
                  <c:v>3087</c:v>
                </c:pt>
                <c:pt idx="18">
                  <c:v>5768</c:v>
                </c:pt>
                <c:pt idx="19">
                  <c:v>7669</c:v>
                </c:pt>
                <c:pt idx="20">
                  <c:v>2434</c:v>
                </c:pt>
                <c:pt idx="21">
                  <c:v>4082</c:v>
                </c:pt>
                <c:pt idx="22">
                  <c:v>15459</c:v>
                </c:pt>
                <c:pt idx="23">
                  <c:v>9657</c:v>
                </c:pt>
                <c:pt idx="24">
                  <c:v>12619</c:v>
                </c:pt>
                <c:pt idx="25">
                  <c:v>16344</c:v>
                </c:pt>
                <c:pt idx="26">
                  <c:v>11630</c:v>
                </c:pt>
                <c:pt idx="27">
                  <c:v>11361</c:v>
                </c:pt>
                <c:pt idx="28">
                  <c:v>5688</c:v>
                </c:pt>
                <c:pt idx="29">
                  <c:v>13624</c:v>
                </c:pt>
                <c:pt idx="30">
                  <c:v>5530</c:v>
                </c:pt>
                <c:pt idx="31">
                  <c:v>6969</c:v>
                </c:pt>
                <c:pt idx="32">
                  <c:v>6287</c:v>
                </c:pt>
                <c:pt idx="33">
                  <c:v>3264</c:v>
                </c:pt>
                <c:pt idx="34">
                  <c:v>2277</c:v>
                </c:pt>
                <c:pt idx="35">
                  <c:v>2838</c:v>
                </c:pt>
                <c:pt idx="36">
                  <c:v>3024</c:v>
                </c:pt>
                <c:pt idx="37">
                  <c:v>12279</c:v>
                </c:pt>
                <c:pt idx="38">
                  <c:v>4004</c:v>
                </c:pt>
                <c:pt idx="39">
                  <c:v>1631</c:v>
                </c:pt>
                <c:pt idx="40">
                  <c:v>1657</c:v>
                </c:pt>
                <c:pt idx="41">
                  <c:v>3308</c:v>
                </c:pt>
                <c:pt idx="42">
                  <c:v>984</c:v>
                </c:pt>
                <c:pt idx="43">
                  <c:v>3374</c:v>
                </c:pt>
                <c:pt idx="44">
                  <c:v>3847</c:v>
                </c:pt>
                <c:pt idx="45">
                  <c:v>1830</c:v>
                </c:pt>
                <c:pt idx="46">
                  <c:v>3825</c:v>
                </c:pt>
                <c:pt idx="47">
                  <c:v>1629</c:v>
                </c:pt>
                <c:pt idx="48">
                  <c:v>8958</c:v>
                </c:pt>
                <c:pt idx="49">
                  <c:v>126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7C1-477C-BBBE-F0650574B972}"/>
            </c:ext>
          </c:extLst>
        </c:ser>
        <c:ser>
          <c:idx val="1"/>
          <c:order val="1"/>
          <c:tx>
            <c:strRef>
              <c:f>'[1]地区別人口・世帯集計表 (集計用)'!$C$2</c:f>
              <c:strCache>
                <c:ptCount val="1"/>
                <c:pt idx="0">
                  <c:v>R05人口</c:v>
                </c:pt>
              </c:strCache>
            </c:strRef>
          </c:tx>
          <c:spPr>
            <a:solidFill>
              <a:srgbClr val="0000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3:$A$52</c:f>
              <c:strCache>
                <c:ptCount val="50"/>
                <c:pt idx="0">
                  <c:v>総曲輪</c:v>
                </c:pt>
                <c:pt idx="1">
                  <c:v>愛宕</c:v>
                </c:pt>
                <c:pt idx="2">
                  <c:v>安野屋</c:v>
                </c:pt>
                <c:pt idx="3">
                  <c:v>八人町</c:v>
                </c:pt>
                <c:pt idx="4">
                  <c:v>五番町</c:v>
                </c:pt>
                <c:pt idx="5">
                  <c:v>柳町</c:v>
                </c:pt>
                <c:pt idx="6">
                  <c:v>清水町</c:v>
                </c:pt>
                <c:pt idx="7">
                  <c:v>星井町</c:v>
                </c:pt>
                <c:pt idx="8">
                  <c:v>西田地方</c:v>
                </c:pt>
                <c:pt idx="9">
                  <c:v>堀川</c:v>
                </c:pt>
                <c:pt idx="10">
                  <c:v>堀川南</c:v>
                </c:pt>
                <c:pt idx="11">
                  <c:v>東部</c:v>
                </c:pt>
                <c:pt idx="12">
                  <c:v>奥田</c:v>
                </c:pt>
                <c:pt idx="13">
                  <c:v>奥田北</c:v>
                </c:pt>
                <c:pt idx="14">
                  <c:v>桜谷</c:v>
                </c:pt>
                <c:pt idx="15">
                  <c:v>五福</c:v>
                </c:pt>
                <c:pt idx="16">
                  <c:v>神明</c:v>
                </c:pt>
                <c:pt idx="17">
                  <c:v>岩瀬</c:v>
                </c:pt>
                <c:pt idx="18">
                  <c:v>萩浦</c:v>
                </c:pt>
                <c:pt idx="19">
                  <c:v>大広田</c:v>
                </c:pt>
                <c:pt idx="20">
                  <c:v>浜黒崎</c:v>
                </c:pt>
                <c:pt idx="21">
                  <c:v>針原</c:v>
                </c:pt>
                <c:pt idx="22">
                  <c:v>豊田</c:v>
                </c:pt>
                <c:pt idx="23">
                  <c:v>広田</c:v>
                </c:pt>
                <c:pt idx="24">
                  <c:v>新庄</c:v>
                </c:pt>
                <c:pt idx="25">
                  <c:v>藤ノ木</c:v>
                </c:pt>
                <c:pt idx="26">
                  <c:v>山室</c:v>
                </c:pt>
                <c:pt idx="27">
                  <c:v>山室中部</c:v>
                </c:pt>
                <c:pt idx="28">
                  <c:v>太田</c:v>
                </c:pt>
                <c:pt idx="29">
                  <c:v>蜷川</c:v>
                </c:pt>
                <c:pt idx="30">
                  <c:v>新保</c:v>
                </c:pt>
                <c:pt idx="31">
                  <c:v>熊野</c:v>
                </c:pt>
                <c:pt idx="32">
                  <c:v>月岡</c:v>
                </c:pt>
                <c:pt idx="33">
                  <c:v>四方</c:v>
                </c:pt>
                <c:pt idx="34">
                  <c:v>八幡</c:v>
                </c:pt>
                <c:pt idx="35">
                  <c:v>草島</c:v>
                </c:pt>
                <c:pt idx="36">
                  <c:v>倉垣</c:v>
                </c:pt>
                <c:pt idx="37">
                  <c:v>呉羽</c:v>
                </c:pt>
                <c:pt idx="38">
                  <c:v>長岡</c:v>
                </c:pt>
                <c:pt idx="39">
                  <c:v>寒江</c:v>
                </c:pt>
                <c:pt idx="40">
                  <c:v>古沢</c:v>
                </c:pt>
                <c:pt idx="41">
                  <c:v>老田</c:v>
                </c:pt>
                <c:pt idx="42">
                  <c:v>池多</c:v>
                </c:pt>
                <c:pt idx="43">
                  <c:v>水橋中部</c:v>
                </c:pt>
                <c:pt idx="44">
                  <c:v>水橋西部</c:v>
                </c:pt>
                <c:pt idx="45">
                  <c:v>水橋東部</c:v>
                </c:pt>
                <c:pt idx="46">
                  <c:v>三郷</c:v>
                </c:pt>
                <c:pt idx="47">
                  <c:v>上条</c:v>
                </c:pt>
                <c:pt idx="48">
                  <c:v>光陽</c:v>
                </c:pt>
                <c:pt idx="49">
                  <c:v>新庄北</c:v>
                </c:pt>
              </c:strCache>
            </c:strRef>
          </c:cat>
          <c:val>
            <c:numRef>
              <c:f>'[1]地区別人口・世帯集計表 (集計用)'!$C$3:$C$52</c:f>
              <c:numCache>
                <c:formatCode>#,##0_);[Red]\(#,##0\)</c:formatCode>
                <c:ptCount val="50"/>
                <c:pt idx="0">
                  <c:v>2314</c:v>
                </c:pt>
                <c:pt idx="1">
                  <c:v>4608</c:v>
                </c:pt>
                <c:pt idx="2">
                  <c:v>2697</c:v>
                </c:pt>
                <c:pt idx="3">
                  <c:v>1771</c:v>
                </c:pt>
                <c:pt idx="4">
                  <c:v>3460</c:v>
                </c:pt>
                <c:pt idx="5">
                  <c:v>5915</c:v>
                </c:pt>
                <c:pt idx="6">
                  <c:v>4035</c:v>
                </c:pt>
                <c:pt idx="7">
                  <c:v>2564</c:v>
                </c:pt>
                <c:pt idx="8">
                  <c:v>6504</c:v>
                </c:pt>
                <c:pt idx="9">
                  <c:v>11724</c:v>
                </c:pt>
                <c:pt idx="10">
                  <c:v>15234</c:v>
                </c:pt>
                <c:pt idx="11">
                  <c:v>7981</c:v>
                </c:pt>
                <c:pt idx="12">
                  <c:v>10467</c:v>
                </c:pt>
                <c:pt idx="13">
                  <c:v>8033</c:v>
                </c:pt>
                <c:pt idx="14">
                  <c:v>5671</c:v>
                </c:pt>
                <c:pt idx="15">
                  <c:v>10029</c:v>
                </c:pt>
                <c:pt idx="16">
                  <c:v>4031</c:v>
                </c:pt>
                <c:pt idx="17">
                  <c:v>3074</c:v>
                </c:pt>
                <c:pt idx="18">
                  <c:v>5738</c:v>
                </c:pt>
                <c:pt idx="19">
                  <c:v>7565</c:v>
                </c:pt>
                <c:pt idx="20">
                  <c:v>2400</c:v>
                </c:pt>
                <c:pt idx="21">
                  <c:v>3991</c:v>
                </c:pt>
                <c:pt idx="22">
                  <c:v>15426</c:v>
                </c:pt>
                <c:pt idx="23">
                  <c:v>9734</c:v>
                </c:pt>
                <c:pt idx="24">
                  <c:v>12563</c:v>
                </c:pt>
                <c:pt idx="25">
                  <c:v>16425</c:v>
                </c:pt>
                <c:pt idx="26">
                  <c:v>11553</c:v>
                </c:pt>
                <c:pt idx="27">
                  <c:v>11396</c:v>
                </c:pt>
                <c:pt idx="28">
                  <c:v>5596</c:v>
                </c:pt>
                <c:pt idx="29">
                  <c:v>13461</c:v>
                </c:pt>
                <c:pt idx="30">
                  <c:v>5588</c:v>
                </c:pt>
                <c:pt idx="31">
                  <c:v>6884</c:v>
                </c:pt>
                <c:pt idx="32">
                  <c:v>6214</c:v>
                </c:pt>
                <c:pt idx="33">
                  <c:v>3232</c:v>
                </c:pt>
                <c:pt idx="34">
                  <c:v>2246</c:v>
                </c:pt>
                <c:pt idx="35">
                  <c:v>2795</c:v>
                </c:pt>
                <c:pt idx="36">
                  <c:v>3005</c:v>
                </c:pt>
                <c:pt idx="37">
                  <c:v>12195</c:v>
                </c:pt>
                <c:pt idx="38">
                  <c:v>3978</c:v>
                </c:pt>
                <c:pt idx="39">
                  <c:v>1607</c:v>
                </c:pt>
                <c:pt idx="40">
                  <c:v>1674</c:v>
                </c:pt>
                <c:pt idx="41">
                  <c:v>3282</c:v>
                </c:pt>
                <c:pt idx="42">
                  <c:v>980</c:v>
                </c:pt>
                <c:pt idx="43">
                  <c:v>3288</c:v>
                </c:pt>
                <c:pt idx="44">
                  <c:v>3806</c:v>
                </c:pt>
                <c:pt idx="45">
                  <c:v>1790</c:v>
                </c:pt>
                <c:pt idx="46">
                  <c:v>3801</c:v>
                </c:pt>
                <c:pt idx="47">
                  <c:v>1619</c:v>
                </c:pt>
                <c:pt idx="48">
                  <c:v>8879</c:v>
                </c:pt>
                <c:pt idx="49">
                  <c:v>1264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7C1-477C-BBBE-F0650574B97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1198440"/>
        <c:axId val="471199224"/>
      </c:barChart>
      <c:catAx>
        <c:axId val="471198440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wordArtVertRtl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199224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471199224"/>
        <c:scaling>
          <c:orientation val="minMax"/>
          <c:max val="18000"/>
          <c:min val="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075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5.9584610146407896E-2"/>
              <c:y val="8.7690631808278865E-2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);[Red]\(#,##0\)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75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198440"/>
        <c:crosses val="autoZero"/>
        <c:crossBetween val="between"/>
        <c:majorUnit val="2000"/>
        <c:minorUnit val="2000"/>
      </c:valAx>
      <c:spPr>
        <a:solidFill>
          <a:srgbClr val="CCFFCC"/>
        </a:solidFill>
        <a:ln w="12700">
          <a:solidFill>
            <a:srgbClr val="CCFFCC"/>
          </a:solidFill>
          <a:prstDash val="solid"/>
        </a:ln>
      </c:spPr>
    </c:plotArea>
    <c:legend>
      <c:legendPos val="t"/>
      <c:layout>
        <c:manualLayout>
          <c:xMode val="edge"/>
          <c:yMode val="edge"/>
          <c:x val="0.4606741573033708"/>
          <c:y val="7.3529411764705885E-2"/>
          <c:w val="0.16036772216547501"/>
          <c:h val="3.7581699346405234E-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101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noFill/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</c:chartSpace>
</file>

<file path=xl/chart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1DD68582-4FFB-41AB-B8BC-5C8C5E58F814}">
  <sheetPr codeName="Graph97"/>
  <sheetViews>
    <sheetView tabSelected="1" workbookViewId="0"/>
  </sheetViews>
  <pageMargins left="0.59055118110236227" right="0.78740157480314965" top="0.78740157480314965" bottom="0.98425196850393704" header="0.51181102362204722" footer="0.51181102362204722"/>
  <pageSetup paperSize="9" orientation="landscape" horizontalDpi="300" verticalDpi="300" r:id="rId1"/>
  <headerFooter alignWithMargins="0"/>
  <drawing r:id="rId2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319260" cy="582168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E93672E4-E9C3-41B5-8365-9AB767D4C4F6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C2" t="str">
            <v>R05人口</v>
          </cell>
          <cell r="E2" t="str">
            <v>R04人口</v>
          </cell>
        </row>
        <row r="3">
          <cell r="A3" t="str">
            <v>総曲輪</v>
          </cell>
          <cell r="C3">
            <v>2314</v>
          </cell>
          <cell r="E3">
            <v>2369</v>
          </cell>
        </row>
        <row r="4">
          <cell r="A4" t="str">
            <v>愛宕</v>
          </cell>
          <cell r="C4">
            <v>4608</v>
          </cell>
          <cell r="E4">
            <v>4655</v>
          </cell>
        </row>
        <row r="5">
          <cell r="A5" t="str">
            <v>安野屋</v>
          </cell>
          <cell r="C5">
            <v>2697</v>
          </cell>
          <cell r="E5">
            <v>2759</v>
          </cell>
        </row>
        <row r="6">
          <cell r="A6" t="str">
            <v>八人町</v>
          </cell>
          <cell r="C6">
            <v>1771</v>
          </cell>
          <cell r="E6">
            <v>1783</v>
          </cell>
        </row>
        <row r="7">
          <cell r="A7" t="str">
            <v>五番町</v>
          </cell>
          <cell r="C7">
            <v>3460</v>
          </cell>
          <cell r="E7">
            <v>3400</v>
          </cell>
        </row>
        <row r="8">
          <cell r="A8" t="str">
            <v>柳町</v>
          </cell>
          <cell r="C8">
            <v>5915</v>
          </cell>
          <cell r="E8">
            <v>5898</v>
          </cell>
        </row>
        <row r="9">
          <cell r="A9" t="str">
            <v>清水町</v>
          </cell>
          <cell r="C9">
            <v>4035</v>
          </cell>
          <cell r="E9">
            <v>4092</v>
          </cell>
        </row>
        <row r="10">
          <cell r="A10" t="str">
            <v>星井町</v>
          </cell>
          <cell r="C10">
            <v>2564</v>
          </cell>
          <cell r="E10">
            <v>2580</v>
          </cell>
        </row>
        <row r="11">
          <cell r="A11" t="str">
            <v>西田地方</v>
          </cell>
          <cell r="C11">
            <v>6504</v>
          </cell>
          <cell r="E11">
            <v>6455</v>
          </cell>
        </row>
        <row r="12">
          <cell r="A12" t="str">
            <v>堀川</v>
          </cell>
          <cell r="C12">
            <v>11724</v>
          </cell>
          <cell r="E12">
            <v>11801</v>
          </cell>
        </row>
        <row r="13">
          <cell r="A13" t="str">
            <v>堀川南</v>
          </cell>
          <cell r="C13">
            <v>15234</v>
          </cell>
          <cell r="E13">
            <v>15102</v>
          </cell>
        </row>
        <row r="14">
          <cell r="A14" t="str">
            <v>東部</v>
          </cell>
          <cell r="C14">
            <v>7981</v>
          </cell>
          <cell r="E14">
            <v>8051</v>
          </cell>
        </row>
        <row r="15">
          <cell r="A15" t="str">
            <v>奥田</v>
          </cell>
          <cell r="C15">
            <v>10467</v>
          </cell>
          <cell r="E15">
            <v>10510</v>
          </cell>
        </row>
        <row r="16">
          <cell r="A16" t="str">
            <v>奥田北</v>
          </cell>
          <cell r="C16">
            <v>8033</v>
          </cell>
          <cell r="E16">
            <v>8032</v>
          </cell>
        </row>
        <row r="17">
          <cell r="A17" t="str">
            <v>桜谷</v>
          </cell>
          <cell r="C17">
            <v>5671</v>
          </cell>
          <cell r="E17">
            <v>5718</v>
          </cell>
        </row>
        <row r="18">
          <cell r="A18" t="str">
            <v>五福</v>
          </cell>
          <cell r="C18">
            <v>10029</v>
          </cell>
          <cell r="E18">
            <v>10114</v>
          </cell>
        </row>
        <row r="19">
          <cell r="A19" t="str">
            <v>神明</v>
          </cell>
          <cell r="C19">
            <v>4031</v>
          </cell>
          <cell r="E19">
            <v>4072</v>
          </cell>
        </row>
        <row r="20">
          <cell r="A20" t="str">
            <v>岩瀬</v>
          </cell>
          <cell r="C20">
            <v>3074</v>
          </cell>
          <cell r="E20">
            <v>3087</v>
          </cell>
        </row>
        <row r="21">
          <cell r="A21" t="str">
            <v>萩浦</v>
          </cell>
          <cell r="C21">
            <v>5738</v>
          </cell>
          <cell r="E21">
            <v>5768</v>
          </cell>
        </row>
        <row r="22">
          <cell r="A22" t="str">
            <v>大広田</v>
          </cell>
          <cell r="C22">
            <v>7565</v>
          </cell>
          <cell r="E22">
            <v>7669</v>
          </cell>
        </row>
        <row r="23">
          <cell r="A23" t="str">
            <v>浜黒崎</v>
          </cell>
          <cell r="C23">
            <v>2400</v>
          </cell>
          <cell r="E23">
            <v>2434</v>
          </cell>
        </row>
        <row r="24">
          <cell r="A24" t="str">
            <v>針原</v>
          </cell>
          <cell r="C24">
            <v>3991</v>
          </cell>
          <cell r="E24">
            <v>4082</v>
          </cell>
        </row>
        <row r="25">
          <cell r="A25" t="str">
            <v>豊田</v>
          </cell>
          <cell r="C25">
            <v>15426</v>
          </cell>
          <cell r="E25">
            <v>15459</v>
          </cell>
        </row>
        <row r="26">
          <cell r="A26" t="str">
            <v>広田</v>
          </cell>
          <cell r="C26">
            <v>9734</v>
          </cell>
          <cell r="E26">
            <v>9657</v>
          </cell>
        </row>
        <row r="27">
          <cell r="A27" t="str">
            <v>新庄</v>
          </cell>
          <cell r="C27">
            <v>12563</v>
          </cell>
          <cell r="E27">
            <v>12619</v>
          </cell>
        </row>
        <row r="28">
          <cell r="A28" t="str">
            <v>藤ノ木</v>
          </cell>
          <cell r="C28">
            <v>16425</v>
          </cell>
          <cell r="E28">
            <v>16344</v>
          </cell>
        </row>
        <row r="29">
          <cell r="A29" t="str">
            <v>山室</v>
          </cell>
          <cell r="C29">
            <v>11553</v>
          </cell>
          <cell r="E29">
            <v>11630</v>
          </cell>
        </row>
        <row r="30">
          <cell r="A30" t="str">
            <v>山室中部</v>
          </cell>
          <cell r="C30">
            <v>11396</v>
          </cell>
          <cell r="E30">
            <v>11361</v>
          </cell>
        </row>
        <row r="31">
          <cell r="A31" t="str">
            <v>太田</v>
          </cell>
          <cell r="C31">
            <v>5596</v>
          </cell>
          <cell r="E31">
            <v>5688</v>
          </cell>
        </row>
        <row r="32">
          <cell r="A32" t="str">
            <v>蜷川</v>
          </cell>
          <cell r="C32">
            <v>13461</v>
          </cell>
          <cell r="E32">
            <v>13624</v>
          </cell>
        </row>
        <row r="33">
          <cell r="A33" t="str">
            <v>新保</v>
          </cell>
          <cell r="C33">
            <v>5588</v>
          </cell>
          <cell r="E33">
            <v>5530</v>
          </cell>
        </row>
        <row r="34">
          <cell r="A34" t="str">
            <v>熊野</v>
          </cell>
          <cell r="C34">
            <v>6884</v>
          </cell>
          <cell r="E34">
            <v>6969</v>
          </cell>
        </row>
        <row r="35">
          <cell r="A35" t="str">
            <v>月岡</v>
          </cell>
          <cell r="C35">
            <v>6214</v>
          </cell>
          <cell r="E35">
            <v>6287</v>
          </cell>
        </row>
        <row r="36">
          <cell r="A36" t="str">
            <v>四方</v>
          </cell>
          <cell r="C36">
            <v>3232</v>
          </cell>
          <cell r="E36">
            <v>3264</v>
          </cell>
        </row>
        <row r="37">
          <cell r="A37" t="str">
            <v>八幡</v>
          </cell>
          <cell r="C37">
            <v>2246</v>
          </cell>
          <cell r="E37">
            <v>2277</v>
          </cell>
        </row>
        <row r="38">
          <cell r="A38" t="str">
            <v>草島</v>
          </cell>
          <cell r="C38">
            <v>2795</v>
          </cell>
          <cell r="E38">
            <v>2838</v>
          </cell>
        </row>
        <row r="39">
          <cell r="A39" t="str">
            <v>倉垣</v>
          </cell>
          <cell r="C39">
            <v>3005</v>
          </cell>
          <cell r="E39">
            <v>3024</v>
          </cell>
        </row>
        <row r="40">
          <cell r="A40" t="str">
            <v>呉羽</v>
          </cell>
          <cell r="C40">
            <v>12195</v>
          </cell>
          <cell r="E40">
            <v>12279</v>
          </cell>
        </row>
        <row r="41">
          <cell r="A41" t="str">
            <v>長岡</v>
          </cell>
          <cell r="C41">
            <v>3978</v>
          </cell>
          <cell r="E41">
            <v>4004</v>
          </cell>
        </row>
        <row r="42">
          <cell r="A42" t="str">
            <v>寒江</v>
          </cell>
          <cell r="C42">
            <v>1607</v>
          </cell>
          <cell r="E42">
            <v>1631</v>
          </cell>
        </row>
        <row r="43">
          <cell r="A43" t="str">
            <v>古沢</v>
          </cell>
          <cell r="C43">
            <v>1674</v>
          </cell>
          <cell r="E43">
            <v>1657</v>
          </cell>
        </row>
        <row r="44">
          <cell r="A44" t="str">
            <v>老田</v>
          </cell>
          <cell r="C44">
            <v>3282</v>
          </cell>
          <cell r="E44">
            <v>3308</v>
          </cell>
        </row>
        <row r="45">
          <cell r="A45" t="str">
            <v>池多</v>
          </cell>
          <cell r="C45">
            <v>980</v>
          </cell>
          <cell r="E45">
            <v>984</v>
          </cell>
        </row>
        <row r="46">
          <cell r="A46" t="str">
            <v>水橋中部</v>
          </cell>
          <cell r="C46">
            <v>3288</v>
          </cell>
          <cell r="E46">
            <v>3374</v>
          </cell>
        </row>
        <row r="47">
          <cell r="A47" t="str">
            <v>水橋西部</v>
          </cell>
          <cell r="C47">
            <v>3806</v>
          </cell>
          <cell r="E47">
            <v>3847</v>
          </cell>
        </row>
        <row r="48">
          <cell r="A48" t="str">
            <v>水橋東部</v>
          </cell>
          <cell r="C48">
            <v>1790</v>
          </cell>
          <cell r="E48">
            <v>1830</v>
          </cell>
        </row>
        <row r="49">
          <cell r="A49" t="str">
            <v>三郷</v>
          </cell>
          <cell r="C49">
            <v>3801</v>
          </cell>
          <cell r="E49">
            <v>3825</v>
          </cell>
        </row>
        <row r="50">
          <cell r="A50" t="str">
            <v>上条</v>
          </cell>
          <cell r="C50">
            <v>1619</v>
          </cell>
          <cell r="E50">
            <v>1629</v>
          </cell>
        </row>
        <row r="51">
          <cell r="A51" t="str">
            <v>光陽</v>
          </cell>
          <cell r="C51">
            <v>8879</v>
          </cell>
          <cell r="E51">
            <v>8958</v>
          </cell>
        </row>
        <row r="52">
          <cell r="A52" t="str">
            <v>新庄北</v>
          </cell>
          <cell r="C52">
            <v>12647</v>
          </cell>
          <cell r="E52">
            <v>12631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１）富山地域人口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6T23:50:30Z</dcterms:created>
  <dcterms:modified xsi:type="dcterms:W3CDTF">2023-11-06T23:53:51Z</dcterms:modified>
</cp:coreProperties>
</file>